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ppt/revisionInfo.xml" ContentType="application/vnd.ms-powerpoint.revisioninfo+xml"/>
  <Override PartName="/ppt/changesInfos/changesInfo1.xml" ContentType="application/vnd.ms-powerpoint.changesinfo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4"/>
  </p:sldMasterIdLst>
  <p:sldIdLst>
    <p:sldId id="270" r:id="rId5"/>
  </p:sldIdLst>
  <p:sldSz cx="9906000" cy="6858000" type="A4"/>
  <p:notesSz cx="6797675" cy="9926638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12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srgbClr val="FF0000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0000FF"/>
    <a:srgbClr val="008000"/>
    <a:srgbClr val="33CC3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2D024EB6-6F7D-4251-AB16-925E3BA2193C}" v="1" dt="2025-09-16T07:03:10.574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 snapToGrid="0">
      <p:cViewPr varScale="1">
        <p:scale>
          <a:sx n="69" d="100"/>
          <a:sy n="69" d="100"/>
        </p:scale>
        <p:origin x="1248" y="66"/>
      </p:cViewPr>
      <p:guideLst>
        <p:guide orient="horz" pos="2160"/>
        <p:guide pos="312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viewProps" Target="viewProp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presProps" Target="presProps.xml"/><Relationship Id="rId11" Type="http://schemas.microsoft.com/office/2015/10/relationships/revisionInfo" Target="revisionInfo.xml"/><Relationship Id="rId5" Type="http://schemas.openxmlformats.org/officeDocument/2006/relationships/slide" Target="slides/slide1.xml"/><Relationship Id="rId10" Type="http://schemas.microsoft.com/office/2016/11/relationships/changesInfo" Target="changesInfos/changesInfo1.xml"/><Relationship Id="rId4" Type="http://schemas.openxmlformats.org/officeDocument/2006/relationships/slideMaster" Target="slideMasters/slideMaster1.xml"/><Relationship Id="rId9" Type="http://schemas.openxmlformats.org/officeDocument/2006/relationships/tableStyles" Target="tableStyles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Sugunesh M" userId="742c7300-7374-4b93-a0fb-74b351ea7e7d" providerId="ADAL" clId="{B450555C-7DFD-474A-9488-46AB61D46164}"/>
    <pc:docChg chg="modSld">
      <pc:chgData name="Sugunesh M" userId="742c7300-7374-4b93-a0fb-74b351ea7e7d" providerId="ADAL" clId="{B450555C-7DFD-474A-9488-46AB61D46164}" dt="2025-09-16T07:03:10.574" v="0" actId="688"/>
      <pc:docMkLst>
        <pc:docMk/>
      </pc:docMkLst>
      <pc:sldChg chg="modSp mod">
        <pc:chgData name="Sugunesh M" userId="742c7300-7374-4b93-a0fb-74b351ea7e7d" providerId="ADAL" clId="{B450555C-7DFD-474A-9488-46AB61D46164}" dt="2025-09-16T07:03:10.574" v="0" actId="688"/>
        <pc:sldMkLst>
          <pc:docMk/>
          <pc:sldMk cId="0" sldId="270"/>
        </pc:sldMkLst>
        <pc:picChg chg="mod">
          <ac:chgData name="Sugunesh M" userId="742c7300-7374-4b93-a0fb-74b351ea7e7d" providerId="ADAL" clId="{B450555C-7DFD-474A-9488-46AB61D46164}" dt="2025-09-16T07:03:10.574" v="0" actId="688"/>
          <ac:picMkLst>
            <pc:docMk/>
            <pc:sldMk cId="0" sldId="270"/>
            <ac:picMk id="2" creationId="{00000000-0000-0000-0000-000000000000}"/>
          </ac:picMkLst>
        </pc:picChg>
      </pc:sldChg>
    </pc:docChg>
  </pc:docChgLst>
</pc:chgInfo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42950" y="1122363"/>
            <a:ext cx="84201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238250" y="3602038"/>
            <a:ext cx="74295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BC3D7AEB-1A3A-9744-560D-F4CDB7CEC88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3A81F38-64F1-4D8E-AA25-8226DB3990CF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3BBE2200-F331-1AFC-CF14-3F589B87A47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93EA2D79-91CA-F3AE-8561-E17C34E974E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505558D4-B47F-464B-8E7B-D43C0558A81E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2146865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7D9CB3A2-6FB9-EC0C-DD7B-D3DB75F1607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18C4EB3-2DB0-4147-9F37-82D1812CA107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54D33AFB-20ED-08DA-3620-4A7A0F8C088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264B94B-E157-30EA-0B91-262078BCEA8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97CC67DD-1E3C-4379-A2FE-B9F604AC6298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14741056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088982" y="365125"/>
            <a:ext cx="2135981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1038" y="365125"/>
            <a:ext cx="6284119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B6CFFF1D-5511-4026-1458-2DD98AD06DA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8E86D5E-8854-4FAD-AFD3-71E6D53DF6EC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CD39F80D-8ACA-93FB-B659-82965B9B827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DA31C663-924A-2527-2EF7-03DEFD702B7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8EF75452-EFA3-43CB-8CD3-DBF09C8200BC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347251741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61963660-A5B9-BC28-5F7E-3ABD4971E59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39D79DA-261A-4AA4-953A-86D66E63EF26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9144BFBF-6370-CDF2-58C7-AF97EC53A56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3309C2B9-A505-1AD1-2A17-5EC0A436DAE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56D65D91-8348-43C3-A229-902BE9A7787F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00589891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5879" y="1709740"/>
            <a:ext cx="8543925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5879" y="4589465"/>
            <a:ext cx="8543925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8BB12CAA-5F60-3C28-E57C-1B28123C207B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BB41011-705B-4338-85D0-98622ACED43D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041A970C-FE1B-80AF-D277-A513F8F6BA5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39F71B6F-EB1A-C6BB-2E5C-AA8EDEE6D3E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EF243541-4478-496C-8BB4-CC0367A80CEC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428611007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1038" y="1825625"/>
            <a:ext cx="421005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14913" y="1825625"/>
            <a:ext cx="421005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3">
            <a:extLst>
              <a:ext uri="{FF2B5EF4-FFF2-40B4-BE49-F238E27FC236}">
                <a16:creationId xmlns:a16="http://schemas.microsoft.com/office/drawing/2014/main" id="{2C769960-417B-8047-16AE-33EB890B185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728BCBB-3FBC-4523-B03E-29462799A6D4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6" name="Footer Placeholder 4">
            <a:extLst>
              <a:ext uri="{FF2B5EF4-FFF2-40B4-BE49-F238E27FC236}">
                <a16:creationId xmlns:a16="http://schemas.microsoft.com/office/drawing/2014/main" id="{576377B1-733B-8CCC-2AE6-75DF4B9C4F2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5">
            <a:extLst>
              <a:ext uri="{FF2B5EF4-FFF2-40B4-BE49-F238E27FC236}">
                <a16:creationId xmlns:a16="http://schemas.microsoft.com/office/drawing/2014/main" id="{56358586-9E59-550B-3473-7BC418C1808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2760F081-2EF5-4BCF-AD2E-7703F697450B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13224184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365127"/>
            <a:ext cx="8543925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2329" y="1681163"/>
            <a:ext cx="4190702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82329" y="2505075"/>
            <a:ext cx="4190702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014913" y="1681163"/>
            <a:ext cx="4211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014913" y="2505075"/>
            <a:ext cx="4211340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3">
            <a:extLst>
              <a:ext uri="{FF2B5EF4-FFF2-40B4-BE49-F238E27FC236}">
                <a16:creationId xmlns:a16="http://schemas.microsoft.com/office/drawing/2014/main" id="{7541B758-3073-387C-916F-E33B416CD94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5ECF7B7-99D7-4B8A-BD26-C32E73DA57E7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8" name="Footer Placeholder 4">
            <a:extLst>
              <a:ext uri="{FF2B5EF4-FFF2-40B4-BE49-F238E27FC236}">
                <a16:creationId xmlns:a16="http://schemas.microsoft.com/office/drawing/2014/main" id="{9576E58D-54D2-B6D9-A856-076264C487D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5">
            <a:extLst>
              <a:ext uri="{FF2B5EF4-FFF2-40B4-BE49-F238E27FC236}">
                <a16:creationId xmlns:a16="http://schemas.microsoft.com/office/drawing/2014/main" id="{81BAEF17-F29F-5C32-FE2A-268A25E9FF5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B676AD85-DD0A-42E3-86ED-1D6561BCFFA2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406772532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3">
            <a:extLst>
              <a:ext uri="{FF2B5EF4-FFF2-40B4-BE49-F238E27FC236}">
                <a16:creationId xmlns:a16="http://schemas.microsoft.com/office/drawing/2014/main" id="{E2452580-6D72-B3FB-45CB-5B9E541E89C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734B6C0-A507-4331-8738-76037566144B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4" name="Footer Placeholder 4">
            <a:extLst>
              <a:ext uri="{FF2B5EF4-FFF2-40B4-BE49-F238E27FC236}">
                <a16:creationId xmlns:a16="http://schemas.microsoft.com/office/drawing/2014/main" id="{2F73B775-4379-1950-68F3-DAB504B31662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5">
            <a:extLst>
              <a:ext uri="{FF2B5EF4-FFF2-40B4-BE49-F238E27FC236}">
                <a16:creationId xmlns:a16="http://schemas.microsoft.com/office/drawing/2014/main" id="{28B82891-9915-6509-6DDC-E6EA3CFEE34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0691E822-12F2-412E-8FDC-86C2D6576EC6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550752614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>
            <a:extLst>
              <a:ext uri="{FF2B5EF4-FFF2-40B4-BE49-F238E27FC236}">
                <a16:creationId xmlns:a16="http://schemas.microsoft.com/office/drawing/2014/main" id="{6C1E6FFD-5D80-B03C-137B-E961AADBF06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8748090-3564-4225-8EF9-200E18040B02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3" name="Footer Placeholder 4">
            <a:extLst>
              <a:ext uri="{FF2B5EF4-FFF2-40B4-BE49-F238E27FC236}">
                <a16:creationId xmlns:a16="http://schemas.microsoft.com/office/drawing/2014/main" id="{AFFFCF89-B09D-8E2D-FD73-425D267B427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5">
            <a:extLst>
              <a:ext uri="{FF2B5EF4-FFF2-40B4-BE49-F238E27FC236}">
                <a16:creationId xmlns:a16="http://schemas.microsoft.com/office/drawing/2014/main" id="{B4044C75-A78A-C6B3-27F6-3EDE6D6B107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891C20C7-7A1A-4875-94B5-9907D3A242A1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55851530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457200"/>
            <a:ext cx="3194943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211340" y="987427"/>
            <a:ext cx="5014913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82328" y="2057400"/>
            <a:ext cx="3194943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3">
            <a:extLst>
              <a:ext uri="{FF2B5EF4-FFF2-40B4-BE49-F238E27FC236}">
                <a16:creationId xmlns:a16="http://schemas.microsoft.com/office/drawing/2014/main" id="{F5D0C107-D9F5-D137-3F9E-F45B730A57D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1F6203E-15CB-4028-A5AF-B620DE311559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6" name="Footer Placeholder 4">
            <a:extLst>
              <a:ext uri="{FF2B5EF4-FFF2-40B4-BE49-F238E27FC236}">
                <a16:creationId xmlns:a16="http://schemas.microsoft.com/office/drawing/2014/main" id="{4177A773-AD6A-73E9-E4A3-0E27325EA2C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5">
            <a:extLst>
              <a:ext uri="{FF2B5EF4-FFF2-40B4-BE49-F238E27FC236}">
                <a16:creationId xmlns:a16="http://schemas.microsoft.com/office/drawing/2014/main" id="{72510A79-E370-02DF-32D3-1E81085D7DE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00D1C958-BF05-4B62-AF84-984BE62B7480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53656144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457200"/>
            <a:ext cx="3194943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4211340" y="987427"/>
            <a:ext cx="5014913" cy="4873625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82328" y="2057400"/>
            <a:ext cx="3194943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3">
            <a:extLst>
              <a:ext uri="{FF2B5EF4-FFF2-40B4-BE49-F238E27FC236}">
                <a16:creationId xmlns:a16="http://schemas.microsoft.com/office/drawing/2014/main" id="{7B8A01D4-8846-6C7B-A84D-34DE309FF66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ECFEF7B-E9E2-439D-9490-26157D188A09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6" name="Footer Placeholder 4">
            <a:extLst>
              <a:ext uri="{FF2B5EF4-FFF2-40B4-BE49-F238E27FC236}">
                <a16:creationId xmlns:a16="http://schemas.microsoft.com/office/drawing/2014/main" id="{357C24CA-2F92-F452-962F-079BBE77DAD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5">
            <a:extLst>
              <a:ext uri="{FF2B5EF4-FFF2-40B4-BE49-F238E27FC236}">
                <a16:creationId xmlns:a16="http://schemas.microsoft.com/office/drawing/2014/main" id="{89690615-BDB8-7348-1205-1BFA0460663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E5A29C2F-268A-40C4-AAF7-F78BB8BB9263}" type="slidenum">
              <a:rPr lang="en-US" altLang="en-US"/>
              <a:pPr/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86045760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>
            <a:extLst>
              <a:ext uri="{FF2B5EF4-FFF2-40B4-BE49-F238E27FC236}">
                <a16:creationId xmlns:a16="http://schemas.microsoft.com/office/drawing/2014/main" id="{C7F6EB36-F877-8EAA-C4EA-E33B7CB7D813}"/>
              </a:ext>
            </a:extLst>
          </p:cNvPr>
          <p:cNvSpPr>
            <a:spLocks noGrp="1"/>
          </p:cNvSpPr>
          <p:nvPr>
            <p:ph type="title"/>
          </p:nvPr>
        </p:nvSpPr>
        <p:spPr bwMode="auto">
          <a:xfrm>
            <a:off x="681038" y="365125"/>
            <a:ext cx="8543925" cy="13255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/>
              <a:t>Click to edit Master title style</a:t>
            </a:r>
          </a:p>
        </p:txBody>
      </p:sp>
      <p:sp>
        <p:nvSpPr>
          <p:cNvPr id="1027" name="Text Placeholder 2">
            <a:extLst>
              <a:ext uri="{FF2B5EF4-FFF2-40B4-BE49-F238E27FC236}">
                <a16:creationId xmlns:a16="http://schemas.microsoft.com/office/drawing/2014/main" id="{07F75D36-BA2F-D47A-CAA6-4CCF0B4D5280}"/>
              </a:ext>
            </a:extLst>
          </p:cNvPr>
          <p:cNvSpPr>
            <a:spLocks noGrp="1"/>
          </p:cNvSpPr>
          <p:nvPr>
            <p:ph type="body" idx="1"/>
          </p:nvPr>
        </p:nvSpPr>
        <p:spPr bwMode="auto">
          <a:xfrm>
            <a:off x="681038" y="1825625"/>
            <a:ext cx="8543925" cy="43513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/>
              <a:t>Click to edit Master text styles</a:t>
            </a:r>
          </a:p>
          <a:p>
            <a:pPr lvl="1"/>
            <a:r>
              <a:rPr lang="en-US" altLang="en-US"/>
              <a:t>Second level</a:t>
            </a:r>
          </a:p>
          <a:p>
            <a:pPr lvl="2"/>
            <a:r>
              <a:rPr lang="en-US" altLang="en-US"/>
              <a:t>Third level</a:t>
            </a:r>
          </a:p>
          <a:p>
            <a:pPr lvl="3"/>
            <a:r>
              <a:rPr lang="en-US" altLang="en-US"/>
              <a:t>Fourth level</a:t>
            </a:r>
          </a:p>
          <a:p>
            <a:pPr lvl="4"/>
            <a:r>
              <a:rPr lang="en-US" alt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7538B00E-6FC1-EA2A-5B67-5C5E8ED5BA16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681038" y="6356350"/>
            <a:ext cx="222885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fld id="{557DD6C6-1230-4DEE-9006-9B985E071130}" type="datetimeFigureOut">
              <a:rPr lang="en-US"/>
              <a:pPr>
                <a:defRPr/>
              </a:pPr>
              <a:t>9/23/2025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293A1C19-BED8-CCA0-EA85-91F631523F1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3281363" y="6356350"/>
            <a:ext cx="3343275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FADFA4A1-7B0D-2FA8-7F02-51D6B6B8771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996113" y="6356350"/>
            <a:ext cx="222885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 eaLnBrk="1" hangingPunct="1">
              <a:defRPr sz="1200">
                <a:solidFill>
                  <a:srgbClr val="898989"/>
                </a:solidFill>
                <a:latin typeface="Calibri" panose="020F0502020204030204" pitchFamily="34" charset="0"/>
              </a:defRPr>
            </a:lvl1pPr>
          </a:lstStyle>
          <a:p>
            <a:fld id="{AB096A67-F820-493F-A10B-C0F45BBF26EF}" type="slidenum">
              <a:rPr lang="en-US" altLang="en-US"/>
              <a:pPr/>
              <a:t>‹#›</a:t>
            </a:fld>
            <a:endParaRPr lang="en-US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2pPr>
      <a:lvl3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3pPr>
      <a:lvl4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4pPr>
      <a:lvl5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5pPr>
      <a:lvl6pPr marL="4572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6pPr>
      <a:lvl7pPr marL="9144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7pPr>
      <a:lvl8pPr marL="13716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8pPr>
      <a:lvl9pPr marL="1828800" algn="l" rtl="0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</a:defRPr>
      </a:lvl9pPr>
    </p:titleStyle>
    <p:bodyStyle>
      <a:lvl1pPr marL="228600" indent="-228600" algn="l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299450" y="69706"/>
            <a:ext cx="1333500" cy="400050"/>
          </a:xfrm>
          <a:prstGeom prst="rect">
            <a:avLst/>
          </a:prstGeom>
        </p:spPr>
      </p:pic>
      <p:graphicFrame>
        <p:nvGraphicFramePr>
          <p:cNvPr id="4" name="Table 3">
            <a:extLst>
              <a:ext uri="{FF2B5EF4-FFF2-40B4-BE49-F238E27FC236}">
                <a16:creationId xmlns:a16="http://schemas.microsoft.com/office/drawing/2014/main" id="{F2891F18-4EBC-F342-66F3-55EF8DF9011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960036216"/>
              </p:ext>
            </p:extLst>
          </p:nvPr>
        </p:nvGraphicFramePr>
        <p:xfrm>
          <a:off x="195263" y="366713"/>
          <a:ext cx="9437687" cy="6330950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116947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640766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86055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538553">
                <a:tc rowSpan="2">
                  <a:txBody>
                    <a:bodyPr/>
                    <a:lstStyle/>
                    <a:p>
                      <a:endParaRPr lang="en-IN" sz="1800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T="45721" marB="4572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200" b="1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Stellar</a:t>
                      </a:r>
                      <a:r>
                        <a:rPr lang="en-US" sz="2200" b="1" baseline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 Optics Private Limited</a:t>
                      </a:r>
                      <a:endParaRPr lang="en-IN" sz="2200" b="1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T="45721" marB="45721" anchor="ctr"/>
                </a:tc>
                <a:tc rowSpan="2">
                  <a:txBody>
                    <a:bodyPr/>
                    <a:lstStyle/>
                    <a:p>
                      <a:pPr algn="ctr"/>
                      <a:r>
                        <a:rPr lang="en-US" sz="1400" b="1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SOPL</a:t>
                      </a:r>
                      <a:r>
                        <a:rPr lang="en-US" sz="1400" b="1" baseline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 – AQMS - 02</a:t>
                      </a:r>
                      <a:endParaRPr lang="en-IN" sz="1400" b="1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T="45721" marB="45721" anchor="ctr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504784">
                <a:tc vMerge="1">
                  <a:txBody>
                    <a:bodyPr/>
                    <a:lstStyle/>
                    <a:p>
                      <a:endParaRPr lang="en-IN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b="1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MISSION</a:t>
                      </a:r>
                      <a:endParaRPr lang="en-IN" sz="1800" b="1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T="45721" marB="45721" anchor="ctr"/>
                </a:tc>
                <a:tc vMerge="1">
                  <a:txBody>
                    <a:bodyPr/>
                    <a:lstStyle/>
                    <a:p>
                      <a:endParaRPr lang="en-IN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4833307">
                <a:tc gridSpan="3">
                  <a:txBody>
                    <a:bodyPr/>
                    <a:lstStyle/>
                    <a:p>
                      <a:endParaRPr lang="en-IN" sz="18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T="45721" marB="45721"/>
                </a:tc>
                <a:tc hMerge="1">
                  <a:txBody>
                    <a:bodyPr/>
                    <a:lstStyle/>
                    <a:p>
                      <a:endParaRPr lang="en-IN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IN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454306">
                <a:tc gridSpan="3">
                  <a:txBody>
                    <a:bodyPr/>
                    <a:lstStyle/>
                    <a:p>
                      <a:r>
                        <a:rPr lang="en-US" sz="1800" b="1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Jan</a:t>
                      </a:r>
                      <a:r>
                        <a:rPr lang="en-US" sz="1800" b="1" baseline="0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 2025</a:t>
                      </a:r>
                      <a:r>
                        <a:rPr lang="en-US" sz="1800" b="1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                                                       Rev.No:00</a:t>
                      </a:r>
                      <a:r>
                        <a:rPr lang="en-US" sz="1800" b="1" baseline="0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    </a:t>
                      </a:r>
                      <a:r>
                        <a:rPr lang="en-US" sz="1800" b="1" dirty="0"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a:t>                                        </a:t>
                      </a:r>
                      <a:endParaRPr lang="en-IN" sz="1800" b="1" i="0" dirty="0">
                        <a:latin typeface="Times New Roman" panose="02020603050405020304" pitchFamily="18" charset="0"/>
                        <a:cs typeface="Times New Roman" panose="02020603050405020304" pitchFamily="18" charset="0"/>
                      </a:endParaRPr>
                    </a:p>
                  </a:txBody>
                  <a:tcPr marT="45721" marB="45721"/>
                </a:tc>
                <a:tc hMerge="1">
                  <a:txBody>
                    <a:bodyPr/>
                    <a:lstStyle/>
                    <a:p>
                      <a:endParaRPr lang="en-IN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IN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sp>
        <p:nvSpPr>
          <p:cNvPr id="5" name="TextBox 6">
            <a:extLst>
              <a:ext uri="{FF2B5EF4-FFF2-40B4-BE49-F238E27FC236}">
                <a16:creationId xmlns:a16="http://schemas.microsoft.com/office/drawing/2014/main" id="{B48352A2-2D0F-72F5-B0BF-38F97084F5A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637463" y="6243638"/>
            <a:ext cx="2163762" cy="369887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>
            <a:lvl1pPr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lnSpc>
                <a:spcPct val="100000"/>
              </a:lnSpc>
              <a:spcBef>
                <a:spcPct val="0"/>
              </a:spcBef>
              <a:buFontTx/>
              <a:buNone/>
              <a:defRPr/>
            </a:pPr>
            <a:r>
              <a:rPr lang="en-US" altLang="en-US" sz="1800" b="1">
                <a:latin typeface="Arial" panose="020B0604020202020204" pitchFamily="34" charset="0"/>
              </a:rPr>
              <a:t>         </a:t>
            </a:r>
            <a:r>
              <a:rPr lang="en-US" altLang="en-US" sz="1800" b="1">
                <a:latin typeface="+mn-lt"/>
              </a:rPr>
              <a:t>Director</a:t>
            </a:r>
          </a:p>
        </p:txBody>
      </p:sp>
      <p:pic>
        <p:nvPicPr>
          <p:cNvPr id="2067" name="Picture 5" descr="C:\Users\s329\Downloads\Stellar.jpg">
            <a:extLst>
              <a:ext uri="{FF2B5EF4-FFF2-40B4-BE49-F238E27FC236}">
                <a16:creationId xmlns:a16="http://schemas.microsoft.com/office/drawing/2014/main" id="{F387EACC-7434-4604-0431-621F20511E4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813" y="519118"/>
            <a:ext cx="1000125" cy="666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68" name="TextBox 5">
            <a:extLst>
              <a:ext uri="{FF2B5EF4-FFF2-40B4-BE49-F238E27FC236}">
                <a16:creationId xmlns:a16="http://schemas.microsoft.com/office/drawing/2014/main" id="{886CD5C4-FC3B-172A-3C2F-CF9F60BDD14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77875" y="2533650"/>
            <a:ext cx="8570913" cy="16684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5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lnSpc>
                <a:spcPct val="200000"/>
              </a:lnSpc>
              <a:spcBef>
                <a:spcPct val="0"/>
              </a:spcBef>
              <a:buFontTx/>
              <a:buNone/>
            </a:pPr>
            <a:r>
              <a:rPr lang="en-US" altLang="en-US" sz="1800" dirty="0">
                <a:latin typeface="Arial" panose="020B0604020202020204" pitchFamily="34" charset="0"/>
              </a:rPr>
              <a:t>	Drive innovation in precision optics by designing and manufacturing advanced lenses and optical systems that support the evolving needs of Space, Aerospace, and </a:t>
            </a:r>
            <a:r>
              <a:rPr lang="en-US" altLang="en-US" sz="1800" dirty="0" err="1">
                <a:latin typeface="Arial" panose="020B0604020202020204" pitchFamily="34" charset="0"/>
              </a:rPr>
              <a:t>Defence</a:t>
            </a:r>
            <a:r>
              <a:rPr lang="en-US" altLang="en-US" sz="1800" dirty="0">
                <a:latin typeface="Arial" panose="020B0604020202020204" pitchFamily="34" charset="0"/>
              </a:rPr>
              <a:t> applications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 rot="21117842">
            <a:off x="7611337" y="5310981"/>
            <a:ext cx="1810669" cy="1207113"/>
          </a:xfrm>
          <a:prstGeom prst="rect">
            <a:avLst/>
          </a:prstGeom>
        </p:spPr>
      </p:pic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4bc467f5-7189-45e4-a1c2-306dc98b053a">
      <Terms xmlns="http://schemas.microsoft.com/office/infopath/2007/PartnerControls"/>
    </lcf76f155ced4ddcb4097134ff3c332f>
    <TaxCatchAll xmlns="61b8ec5d-748f-4500-ad42-cb24d539a7eb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C6B019C0580FAB408426F504A480B070" ma:contentTypeVersion="15" ma:contentTypeDescription="Create a new document." ma:contentTypeScope="" ma:versionID="249f9452ac3dc602dedeb00b20557696">
  <xsd:schema xmlns:xsd="http://www.w3.org/2001/XMLSchema" xmlns:xs="http://www.w3.org/2001/XMLSchema" xmlns:p="http://schemas.microsoft.com/office/2006/metadata/properties" xmlns:ns2="4bc467f5-7189-45e4-a1c2-306dc98b053a" xmlns:ns3="61b8ec5d-748f-4500-ad42-cb24d539a7eb" targetNamespace="http://schemas.microsoft.com/office/2006/metadata/properties" ma:root="true" ma:fieldsID="132843ac878051b662b11f5d2dfcb973" ns2:_="" ns3:_="">
    <xsd:import namespace="4bc467f5-7189-45e4-a1c2-306dc98b053a"/>
    <xsd:import namespace="61b8ec5d-748f-4500-ad42-cb24d539a7eb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bc467f5-7189-45e4-a1c2-306dc98b053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850547ae-b6e3-4842-8c48-b3a4bfa59814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1b8ec5d-748f-4500-ad42-cb24d539a7eb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b5169b96-9d1b-4a0c-9c5a-12ecbaf53f99}" ma:internalName="TaxCatchAll" ma:showField="CatchAllData" ma:web="61b8ec5d-748f-4500-ad42-cb24d539a7e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2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FF9A1FB-15B1-4C17-9A5D-72A820CDBB58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36739D3D-36FA-4743-9976-B619D5095E88}">
  <ds:schemaRefs>
    <ds:schemaRef ds:uri="4bc467f5-7189-45e4-a1c2-306dc98b053a"/>
    <ds:schemaRef ds:uri="http://purl.org/dc/dcmitype/"/>
    <ds:schemaRef ds:uri="http://www.w3.org/XML/1998/namespace"/>
    <ds:schemaRef ds:uri="http://schemas.microsoft.com/office/2006/documentManagement/types"/>
    <ds:schemaRef ds:uri="61b8ec5d-748f-4500-ad42-cb24d539a7eb"/>
    <ds:schemaRef ds:uri="http://purl.org/dc/terms/"/>
    <ds:schemaRef ds:uri="http://schemas.microsoft.com/office/2006/metadata/properties"/>
    <ds:schemaRef ds:uri="http://purl.org/dc/elements/1.1/"/>
    <ds:schemaRef ds:uri="http://schemas.microsoft.com/office/infopath/2007/PartnerControls"/>
    <ds:schemaRef ds:uri="http://schemas.openxmlformats.org/package/2006/metadata/core-properties"/>
  </ds:schemaRefs>
</ds:datastoreItem>
</file>

<file path=customXml/itemProps3.xml><?xml version="1.0" encoding="utf-8"?>
<ds:datastoreItem xmlns:ds="http://schemas.openxmlformats.org/officeDocument/2006/customXml" ds:itemID="{6E3791A6-8B3C-489E-88DE-D9D076135475}">
  <ds:schemaRefs>
    <ds:schemaRef ds:uri="4bc467f5-7189-45e4-a1c2-306dc98b053a"/>
    <ds:schemaRef ds:uri="61b8ec5d-748f-4500-ad42-cb24d539a7eb"/>
    <ds:schemaRef ds:uri="http://purl.org/dc/elements/1.1/"/>
    <ds:schemaRef ds:uri="http://purl.org/dc/terms/"/>
    <ds:schemaRef ds:uri="http://schemas.microsoft.com/internal/obd"/>
    <ds:schemaRef ds:uri="http://schemas.microsoft.com/office/2006/documentManagement/types"/>
    <ds:schemaRef ds:uri="http://schemas.microsoft.com/office/2006/metadata/contentType"/>
    <ds:schemaRef ds:uri="http://schemas.microsoft.com/office/2006/metadata/properties"/>
    <ds:schemaRef ds:uri="http://schemas.microsoft.com/office/2006/metadata/properties/metaAttributes"/>
    <ds:schemaRef ds:uri="http://schemas.microsoft.com/office/infopath/2007/PartnerControls"/>
    <ds:schemaRef ds:uri="http://schemas.openxmlformats.org/package/2006/metadata/core-properties"/>
    <ds:schemaRef ds:uri="http://www.w3.org/2001/XMLSchem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43</Words>
  <Application>Microsoft Office PowerPoint</Application>
  <PresentationFormat>A4 Paper (210x297 mm)</PresentationFormat>
  <Paragraphs>6</Paragraphs>
  <Slides>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6" baseType="lpstr">
      <vt:lpstr>Arial</vt:lpstr>
      <vt:lpstr>Calibri</vt:lpstr>
      <vt:lpstr>Calibri Light</vt:lpstr>
      <vt:lpstr>Times New Roman</vt:lpstr>
      <vt:lpstr>Office Theme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cp:lastModifiedBy>Manikandan N</cp:lastModifiedBy>
  <cp:revision>1</cp:revision>
  <dcterms:modified xsi:type="dcterms:W3CDTF">2025-09-23T10:57:2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ediaServiceImageTags">
    <vt:lpwstr/>
  </property>
  <property fmtid="{D5CDD505-2E9C-101B-9397-08002B2CF9AE}" pid="3" name="ContentTypeId">
    <vt:lpwstr>0x010100C6B019C0580FAB408426F504A480B070</vt:lpwstr>
  </property>
</Properties>
</file>